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1" r:id="rId2"/>
    <p:sldId id="27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817373"/>
    <a:srgbClr val="A19690"/>
    <a:srgbClr val="ECEAE9"/>
    <a:srgbClr val="C5D1E5"/>
    <a:srgbClr val="2C2723"/>
    <a:srgbClr val="F2F6F8"/>
    <a:srgbClr val="DDE6EB"/>
    <a:srgbClr val="45679C"/>
    <a:srgbClr val="CDD8E9"/>
    <a:srgbClr val="28346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84" y="6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448937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377383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608990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90405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754851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54906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439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25173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20805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568370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51267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38342E-D301-4396-ACF0-6D0898AE5736}" type="datetimeFigureOut">
              <a:rPr lang="en-US" smtClean="0"/>
              <a:t>8/2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EE4BDF-4551-4556-8452-2D48BD221B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77733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image" Target="../media/image3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microsoft.com/office/2007/relationships/hdphoto" Target="../media/hdphoto1.wdp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image" Target="../media/image4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image" Target="../media/image5.png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OTLSHAPE_SL_9f83391b75fb47ac9b3fe1f0e18ff04b_BackgroundRectangle">
            <a:extLst>
              <a:ext uri="{FF2B5EF4-FFF2-40B4-BE49-F238E27FC236}">
                <a16:creationId xmlns:a16="http://schemas.microsoft.com/office/drawing/2014/main" id="{16EB4CE3-C611-1B2D-0F3C-787DA633CE05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858259"/>
            <a:ext cx="11391900" cy="1007914"/>
          </a:xfrm>
          <a:prstGeom prst="rect">
            <a:avLst/>
          </a:prstGeom>
          <a:solidFill>
            <a:srgbClr val="A19690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_a51e6041882c455bb7f5f2f433b3c027_BackgroundRectangle">
            <a:extLst>
              <a:ext uri="{FF2B5EF4-FFF2-40B4-BE49-F238E27FC236}">
                <a16:creationId xmlns:a16="http://schemas.microsoft.com/office/drawing/2014/main" id="{5928D506-FF66-5662-76A1-14C4A911968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526573"/>
            <a:ext cx="11391900" cy="1598549"/>
          </a:xfrm>
          <a:prstGeom prst="rect">
            <a:avLst/>
          </a:prstGeom>
          <a:solidFill>
            <a:srgbClr val="2C2723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" name="OTLSHAPE_TB_00000000000000000000000000000000_RightEndCaps"/>
          <p:cNvSpPr txBox="1"/>
          <p:nvPr>
            <p:custDataLst>
              <p:tags r:id="rId4"/>
            </p:custDataLst>
          </p:nvPr>
        </p:nvSpPr>
        <p:spPr>
          <a:xfrm>
            <a:off x="11577489" y="3087852"/>
            <a:ext cx="36548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dirty="0">
                <a:solidFill>
                  <a:srgbClr val="2C2723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123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1155700" y="3069373"/>
            <a:ext cx="10299700" cy="254000"/>
          </a:xfrm>
          <a:prstGeom prst="roundRect">
            <a:avLst/>
          </a:prstGeom>
          <a:solidFill>
            <a:srgbClr val="81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9f83391b75fb47ac9b3fe1f0e18ff04b_HeaderRectangle">
            <a:extLst>
              <a:ext uri="{FF2B5EF4-FFF2-40B4-BE49-F238E27FC236}">
                <a16:creationId xmlns:a16="http://schemas.microsoft.com/office/drawing/2014/main" id="{8F505CF2-D086-852C-5E18-9734A163785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1858259"/>
            <a:ext cx="977900" cy="1007914"/>
          </a:xfrm>
          <a:prstGeom prst="rect">
            <a:avLst/>
          </a:prstGeom>
          <a:solidFill>
            <a:srgbClr val="A1969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_a51e6041882c455bb7f5f2f433b3c027_HeaderRectangle">
            <a:extLst>
              <a:ext uri="{FF2B5EF4-FFF2-40B4-BE49-F238E27FC236}">
                <a16:creationId xmlns:a16="http://schemas.microsoft.com/office/drawing/2014/main" id="{27203366-CEB0-1576-ED11-E616F952BC9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3526573"/>
            <a:ext cx="977900" cy="1598549"/>
          </a:xfrm>
          <a:prstGeom prst="rect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M_80bc1bc81c634a0ebd36d8b2ed8277ce_Shape">
            <a:extLst>
              <a:ext uri="{FF2B5EF4-FFF2-40B4-BE49-F238E27FC236}">
                <a16:creationId xmlns:a16="http://schemas.microsoft.com/office/drawing/2014/main" id="{26803E5D-9317-9BAA-5873-E0CF7A0B3998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152313" y="1977999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42aca890904c4353803e0e7e50142e23_Shape">
            <a:extLst>
              <a:ext uri="{FF2B5EF4-FFF2-40B4-BE49-F238E27FC236}">
                <a16:creationId xmlns:a16="http://schemas.microsoft.com/office/drawing/2014/main" id="{076972F9-CF9A-2BC5-A20F-D848A640A5B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4388958" y="1977999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7" name="OTLSHAPE_SLM_db9c144429944574b2808df378582afd_Shape">
            <a:extLst>
              <a:ext uri="{FF2B5EF4-FFF2-40B4-BE49-F238E27FC236}">
                <a16:creationId xmlns:a16="http://schemas.microsoft.com/office/drawing/2014/main" id="{F21A3953-6EB7-8360-E5C2-DE252292967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5001660" y="2475606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M_e0eff05c6e334e149054f76ec3a82fc0_Shape">
            <a:extLst>
              <a:ext uri="{FF2B5EF4-FFF2-40B4-BE49-F238E27FC236}">
                <a16:creationId xmlns:a16="http://schemas.microsoft.com/office/drawing/2014/main" id="{611A6EBD-C1C7-4ABF-1C21-176B3D684D1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394169" y="1977999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631abbb5212f4e1699233384357b0cd5_Shape">
            <a:extLst>
              <a:ext uri="{FF2B5EF4-FFF2-40B4-BE49-F238E27FC236}">
                <a16:creationId xmlns:a16="http://schemas.microsoft.com/office/drawing/2014/main" id="{3A5F71F9-E1DC-961F-B924-4FCE1052566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1208866" y="2475606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0" name="OTLSHAPE_SLM_b74153da28c6424eaa3ef38f73e8f648_Shape">
            <a:extLst>
              <a:ext uri="{FF2B5EF4-FFF2-40B4-BE49-F238E27FC236}">
                <a16:creationId xmlns:a16="http://schemas.microsoft.com/office/drawing/2014/main" id="{AB65FC97-F2FC-62F1-8587-DA9DA5D551F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633905" y="1977999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a374f8076f8c431c97c98218cd86acee_Shape">
            <a:extLst>
              <a:ext uri="{FF2B5EF4-FFF2-40B4-BE49-F238E27FC236}">
                <a16:creationId xmlns:a16="http://schemas.microsoft.com/office/drawing/2014/main" id="{6B75FAD7-B6F5-7CEA-3B09-47EAFDE7821B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815010" y="2475606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5fac6dded7e244f3a1df9863189f5d73_Shape">
            <a:extLst>
              <a:ext uri="{FF2B5EF4-FFF2-40B4-BE49-F238E27FC236}">
                <a16:creationId xmlns:a16="http://schemas.microsoft.com/office/drawing/2014/main" id="{DB48D3A9-0CDB-FCE2-6FC3-16FEA8631E9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266150" y="2475606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2eb6558c7bfb440f8263ad0c4c808790_Shape">
            <a:extLst>
              <a:ext uri="{FF2B5EF4-FFF2-40B4-BE49-F238E27FC236}">
                <a16:creationId xmlns:a16="http://schemas.microsoft.com/office/drawing/2014/main" id="{13BBAF35-FD78-2E50-3481-854F4C012BFA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8923484" y="2475606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solidFill>
              <a:srgbClr val="ECEAE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75086a8931c846b580f8f7dedb8b5fb1_Shape">
            <a:extLst>
              <a:ext uri="{FF2B5EF4-FFF2-40B4-BE49-F238E27FC236}">
                <a16:creationId xmlns:a16="http://schemas.microsoft.com/office/drawing/2014/main" id="{C211C18E-F5D8-0E87-0A7D-8005266E88D8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977842" y="2475606"/>
            <a:ext cx="152400" cy="177800"/>
          </a:xfrm>
          <a:prstGeom prst="star8">
            <a:avLst/>
          </a:prstGeom>
          <a:solidFill>
            <a:srgbClr val="A19690"/>
          </a:solidFill>
          <a:ln w="12700" cap="flat" cmpd="sng" algn="ctr">
            <a:solidFill>
              <a:srgbClr val="ECEAE9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60f4ae59f66b454a9555a4a2778fa1a3_Shape">
            <a:extLst>
              <a:ext uri="{FF2B5EF4-FFF2-40B4-BE49-F238E27FC236}">
                <a16:creationId xmlns:a16="http://schemas.microsoft.com/office/drawing/2014/main" id="{7B61FD4C-3314-702F-C55F-B7151D0FA8C9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040748" y="3646313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1ea1cd07bfa14c4b8b91dfdd78d02159_Shape">
            <a:extLst>
              <a:ext uri="{FF2B5EF4-FFF2-40B4-BE49-F238E27FC236}">
                <a16:creationId xmlns:a16="http://schemas.microsoft.com/office/drawing/2014/main" id="{C64B5CB2-C1C1-35EC-5B1D-A063E7006DF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408502" y="3646313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M_85bb047c89b64c26a2a4e98e1f0dfb28_Shape">
            <a:extLst>
              <a:ext uri="{FF2B5EF4-FFF2-40B4-BE49-F238E27FC236}">
                <a16:creationId xmlns:a16="http://schemas.microsoft.com/office/drawing/2014/main" id="{846EB7BF-1ABC-863A-DEAE-FE44D18EB461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5001660" y="3646313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9" name="OTLSHAPE_SLM_c52024d93ed04263b8a8b16ebfd882b7_Shape">
            <a:extLst>
              <a:ext uri="{FF2B5EF4-FFF2-40B4-BE49-F238E27FC236}">
                <a16:creationId xmlns:a16="http://schemas.microsoft.com/office/drawing/2014/main" id="{48CE253B-D4F6-D365-50D0-4C004E14206B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7085045" y="3646313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SLM_852a8caf6778403cb01461ac8ca09ed6_Shape">
            <a:extLst>
              <a:ext uri="{FF2B5EF4-FFF2-40B4-BE49-F238E27FC236}">
                <a16:creationId xmlns:a16="http://schemas.microsoft.com/office/drawing/2014/main" id="{4CC466F4-E80D-D94E-7D6E-9E2ADB19ED3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536185" y="3646313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M_c394b4cf785a4ce5a134b58fd1fb723f_Shape">
            <a:extLst>
              <a:ext uri="{FF2B5EF4-FFF2-40B4-BE49-F238E27FC236}">
                <a16:creationId xmlns:a16="http://schemas.microsoft.com/office/drawing/2014/main" id="{E6489219-3A08-DE7D-1977-E681A7F7AB9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163221" y="4143920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2" name="OTLSHAPE_SLM_7ae4d73078fe4f38abaea16452e82817_Shape">
            <a:extLst>
              <a:ext uri="{FF2B5EF4-FFF2-40B4-BE49-F238E27FC236}">
                <a16:creationId xmlns:a16="http://schemas.microsoft.com/office/drawing/2014/main" id="{8A068988-24D6-925A-F597-E24F5380FED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143677" y="4143920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3" name="OTLSHAPE_SLM_55f85a4eb18641f9bff00fc735c14a46_Shape">
            <a:extLst>
              <a:ext uri="{FF2B5EF4-FFF2-40B4-BE49-F238E27FC236}">
                <a16:creationId xmlns:a16="http://schemas.microsoft.com/office/drawing/2014/main" id="{072FB066-D8E9-56EF-3724-8365562DB0C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104589" y="4143920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4" name="OTLSHAPE_SLM_c067f91f82444b3e907860e527f01889_Shape">
            <a:extLst>
              <a:ext uri="{FF2B5EF4-FFF2-40B4-BE49-F238E27FC236}">
                <a16:creationId xmlns:a16="http://schemas.microsoft.com/office/drawing/2014/main" id="{69A0D112-77CB-1F36-52BD-3A16A621297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943028" y="4143920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5" name="OTLSHAPE_SLM_4ba93f23e568440eb2b1c1e14783507a_Shape">
            <a:extLst>
              <a:ext uri="{FF2B5EF4-FFF2-40B4-BE49-F238E27FC236}">
                <a16:creationId xmlns:a16="http://schemas.microsoft.com/office/drawing/2014/main" id="{C1AEAEB1-0736-7830-3314-A7C0386A94D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143677" y="4734555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6" name="OTLSHAPE_SLM_2fb58c17c31142dca70c9e1e16b1fa96_Shape">
            <a:extLst>
              <a:ext uri="{FF2B5EF4-FFF2-40B4-BE49-F238E27FC236}">
                <a16:creationId xmlns:a16="http://schemas.microsoft.com/office/drawing/2014/main" id="{D627D2AD-A85E-2A44-902F-3D32CF3C761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498599" y="4734555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SLM_85011858347b4d429b1ef56452081a7a_Shape">
            <a:extLst>
              <a:ext uri="{FF2B5EF4-FFF2-40B4-BE49-F238E27FC236}">
                <a16:creationId xmlns:a16="http://schemas.microsoft.com/office/drawing/2014/main" id="{FCF8E1C2-30F5-864F-1E2E-259985FB8C7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926751" y="4734555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SLM_158f375fc8af4cc0b777d272e0d17bb1_Shape">
            <a:extLst>
              <a:ext uri="{FF2B5EF4-FFF2-40B4-BE49-F238E27FC236}">
                <a16:creationId xmlns:a16="http://schemas.microsoft.com/office/drawing/2014/main" id="{C26E7B42-DE7E-8CD5-EC30-767AD59DFC5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452800" y="4734555"/>
            <a:ext cx="152400" cy="177800"/>
          </a:xfrm>
          <a:prstGeom prst="star8">
            <a:avLst/>
          </a:prstGeom>
          <a:solidFill>
            <a:srgbClr val="2C272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_9f83391b75fb47ac9b3fe1f0e18ff04b_Header">
            <a:extLst>
              <a:ext uri="{FF2B5EF4-FFF2-40B4-BE49-F238E27FC236}">
                <a16:creationId xmlns:a16="http://schemas.microsoft.com/office/drawing/2014/main" id="{E459F3A4-BB7B-4CAB-2D29-CA872E479EEC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2269188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life</a:t>
            </a:r>
          </a:p>
        </p:txBody>
      </p:sp>
      <p:sp>
        <p:nvSpPr>
          <p:cNvPr id="10" name="OTLSHAPE_SL_a51e6041882c455bb7f5f2f433b3c027_Header">
            <a:extLst>
              <a:ext uri="{FF2B5EF4-FFF2-40B4-BE49-F238E27FC236}">
                <a16:creationId xmlns:a16="http://schemas.microsoft.com/office/drawing/2014/main" id="{BD2C594E-BBD7-2E67-83FB-9D3D963D427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4232820"/>
            <a:ext cx="96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Calibri" panose="020F0502020204030204" pitchFamily="34" charset="0"/>
              </a:rPr>
              <a:t>career</a:t>
            </a:r>
          </a:p>
        </p:txBody>
      </p:sp>
      <p:sp>
        <p:nvSpPr>
          <p:cNvPr id="131" name="OTLSHAPE_TB_00000000000000000000000000000000_TimescaleInterval1"/>
          <p:cNvSpPr txBox="1"/>
          <p:nvPr>
            <p:custDataLst>
              <p:tags r:id="rId33"/>
            </p:custDataLst>
          </p:nvPr>
        </p:nvSpPr>
        <p:spPr>
          <a:xfrm>
            <a:off x="1219200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30</a:t>
            </a:r>
          </a:p>
        </p:txBody>
      </p:sp>
      <p:sp>
        <p:nvSpPr>
          <p:cNvPr id="132" name="OTLSHAPE_TB_00000000000000000000000000000000_TimescaleInterval2"/>
          <p:cNvSpPr txBox="1"/>
          <p:nvPr>
            <p:custDataLst>
              <p:tags r:id="rId34"/>
            </p:custDataLst>
          </p:nvPr>
        </p:nvSpPr>
        <p:spPr>
          <a:xfrm>
            <a:off x="2077183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37</a:t>
            </a:r>
          </a:p>
        </p:txBody>
      </p:sp>
      <p:sp>
        <p:nvSpPr>
          <p:cNvPr id="133" name="OTLSHAPE_TB_00000000000000000000000000000000_TimescaleInterval3"/>
          <p:cNvSpPr txBox="1"/>
          <p:nvPr>
            <p:custDataLst>
              <p:tags r:id="rId35"/>
            </p:custDataLst>
          </p:nvPr>
        </p:nvSpPr>
        <p:spPr>
          <a:xfrm>
            <a:off x="2934830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44</a:t>
            </a:r>
          </a:p>
        </p:txBody>
      </p:sp>
      <p:sp>
        <p:nvSpPr>
          <p:cNvPr id="134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3792813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51</a:t>
            </a:r>
          </a:p>
        </p:txBody>
      </p:sp>
      <p:sp>
        <p:nvSpPr>
          <p:cNvPr id="135" name="OTLSHAPE_TB_00000000000000000000000000000000_TimescaleInterval5"/>
          <p:cNvSpPr txBox="1"/>
          <p:nvPr>
            <p:custDataLst>
              <p:tags r:id="rId37"/>
            </p:custDataLst>
          </p:nvPr>
        </p:nvSpPr>
        <p:spPr>
          <a:xfrm>
            <a:off x="4650796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58</a:t>
            </a:r>
          </a:p>
        </p:txBody>
      </p:sp>
      <p:sp>
        <p:nvSpPr>
          <p:cNvPr id="136" name="OTLSHAPE_TB_00000000000000000000000000000000_TimescaleInterval6"/>
          <p:cNvSpPr txBox="1"/>
          <p:nvPr>
            <p:custDataLst>
              <p:tags r:id="rId38"/>
            </p:custDataLst>
          </p:nvPr>
        </p:nvSpPr>
        <p:spPr>
          <a:xfrm>
            <a:off x="5508779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65</a:t>
            </a:r>
          </a:p>
        </p:txBody>
      </p:sp>
      <p:sp>
        <p:nvSpPr>
          <p:cNvPr id="137" name="OTLSHAPE_TB_00000000000000000000000000000000_TimescaleInterval7"/>
          <p:cNvSpPr txBox="1"/>
          <p:nvPr>
            <p:custDataLst>
              <p:tags r:id="rId39"/>
            </p:custDataLst>
          </p:nvPr>
        </p:nvSpPr>
        <p:spPr>
          <a:xfrm>
            <a:off x="6366427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72</a:t>
            </a:r>
          </a:p>
        </p:txBody>
      </p:sp>
      <p:sp>
        <p:nvSpPr>
          <p:cNvPr id="138" name="OTLSHAPE_TB_00000000000000000000000000000000_TimescaleInterval8"/>
          <p:cNvSpPr txBox="1"/>
          <p:nvPr>
            <p:custDataLst>
              <p:tags r:id="rId40"/>
            </p:custDataLst>
          </p:nvPr>
        </p:nvSpPr>
        <p:spPr>
          <a:xfrm>
            <a:off x="7224410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79</a:t>
            </a:r>
          </a:p>
        </p:txBody>
      </p:sp>
      <p:sp>
        <p:nvSpPr>
          <p:cNvPr id="139" name="OTLSHAPE_TB_00000000000000000000000000000000_TimescaleInterval9"/>
          <p:cNvSpPr txBox="1"/>
          <p:nvPr>
            <p:custDataLst>
              <p:tags r:id="rId41"/>
            </p:custDataLst>
          </p:nvPr>
        </p:nvSpPr>
        <p:spPr>
          <a:xfrm>
            <a:off x="8082393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86</a:t>
            </a:r>
          </a:p>
        </p:txBody>
      </p:sp>
      <p:sp>
        <p:nvSpPr>
          <p:cNvPr id="140" name="OTLSHAPE_TB_00000000000000000000000000000000_TimescaleInterval10"/>
          <p:cNvSpPr txBox="1"/>
          <p:nvPr>
            <p:custDataLst>
              <p:tags r:id="rId42"/>
            </p:custDataLst>
          </p:nvPr>
        </p:nvSpPr>
        <p:spPr>
          <a:xfrm>
            <a:off x="8940376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93</a:t>
            </a:r>
          </a:p>
        </p:txBody>
      </p:sp>
      <p:sp>
        <p:nvSpPr>
          <p:cNvPr id="141" name="OTLSHAPE_TB_00000000000000000000000000000000_TimescaleInterval11"/>
          <p:cNvSpPr txBox="1"/>
          <p:nvPr>
            <p:custDataLst>
              <p:tags r:id="rId43"/>
            </p:custDataLst>
          </p:nvPr>
        </p:nvSpPr>
        <p:spPr>
          <a:xfrm>
            <a:off x="9798024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00</a:t>
            </a:r>
          </a:p>
        </p:txBody>
      </p:sp>
      <p:sp>
        <p:nvSpPr>
          <p:cNvPr id="142" name="OTLSHAPE_TB_00000000000000000000000000000000_TimescaleInterval12"/>
          <p:cNvSpPr txBox="1"/>
          <p:nvPr>
            <p:custDataLst>
              <p:tags r:id="rId44"/>
            </p:custDataLst>
          </p:nvPr>
        </p:nvSpPr>
        <p:spPr>
          <a:xfrm>
            <a:off x="10656006" y="310334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3856" name="OTLSHAPE_SLM_80bc1bc81c634a0ebd36d8b2ed8277ce_Title">
            <a:extLst>
              <a:ext uri="{FF2B5EF4-FFF2-40B4-BE49-F238E27FC236}">
                <a16:creationId xmlns:a16="http://schemas.microsoft.com/office/drawing/2014/main" id="{26FA5C44-9323-9757-9105-AEBE1A3BE91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355513" y="1896359"/>
            <a:ext cx="139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 dirty="0">
                <a:solidFill>
                  <a:srgbClr val="655B52"/>
                </a:solidFill>
                <a:latin typeface="Calibri" panose="020F0502020204030204" pitchFamily="34" charset="0"/>
              </a:rPr>
              <a:t>Neil Armstrong is born</a:t>
            </a:r>
          </a:p>
        </p:txBody>
      </p:sp>
      <p:sp>
        <p:nvSpPr>
          <p:cNvPr id="3857" name="OTLSHAPE_SLM_80bc1bc81c634a0ebd36d8b2ed8277ce_Date">
            <a:extLst>
              <a:ext uri="{FF2B5EF4-FFF2-40B4-BE49-F238E27FC236}">
                <a16:creationId xmlns:a16="http://schemas.microsoft.com/office/drawing/2014/main" id="{F590EEE0-6DD1-B951-71AC-746521517B4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355513" y="2082414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655B52"/>
                </a:solidFill>
                <a:latin typeface="Calibri" panose="020F0502020204030204" pitchFamily="34" charset="0"/>
              </a:rPr>
              <a:t>Aug 5, 1930</a:t>
            </a:r>
          </a:p>
        </p:txBody>
      </p:sp>
      <p:sp>
        <p:nvSpPr>
          <p:cNvPr id="3859" name="OTLSHAPE_SLM_42aca890904c4353803e0e7e50142e23_Title">
            <a:extLst>
              <a:ext uri="{FF2B5EF4-FFF2-40B4-BE49-F238E27FC236}">
                <a16:creationId xmlns:a16="http://schemas.microsoft.com/office/drawing/2014/main" id="{E15F60F0-DBAE-DB1B-197F-2F98161A239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3650665" y="1896359"/>
            <a:ext cx="69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8">
                <a:solidFill>
                  <a:srgbClr val="655B52"/>
                </a:solidFill>
                <a:latin typeface="Calibri" panose="020F0502020204030204" pitchFamily="34" charset="0"/>
              </a:rPr>
              <a:t>Son is born</a:t>
            </a:r>
          </a:p>
        </p:txBody>
      </p:sp>
      <p:sp>
        <p:nvSpPr>
          <p:cNvPr id="3860" name="OTLSHAPE_SLM_42aca890904c4353803e0e7e50142e23_Date">
            <a:extLst>
              <a:ext uri="{FF2B5EF4-FFF2-40B4-BE49-F238E27FC236}">
                <a16:creationId xmlns:a16="http://schemas.microsoft.com/office/drawing/2014/main" id="{BDF8CE9E-5E37-BDA8-DB92-BBF70A799E0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080602" y="208241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655B52"/>
                </a:solidFill>
                <a:latin typeface="Calibri" panose="020F0502020204030204" pitchFamily="34" charset="0"/>
              </a:rPr>
              <a:t>1957</a:t>
            </a:r>
          </a:p>
        </p:txBody>
      </p:sp>
      <p:sp>
        <p:nvSpPr>
          <p:cNvPr id="3862" name="OTLSHAPE_SLM_db9c144429944574b2808df378582afd_Title">
            <a:extLst>
              <a:ext uri="{FF2B5EF4-FFF2-40B4-BE49-F238E27FC236}">
                <a16:creationId xmlns:a16="http://schemas.microsoft.com/office/drawing/2014/main" id="{B5836DC6-2FE1-F3DC-89A2-9CC3B5C83F90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204860" y="2393966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>
                <a:solidFill>
                  <a:srgbClr val="655B52"/>
                </a:solidFill>
                <a:latin typeface="Calibri" panose="020F0502020204030204" pitchFamily="34" charset="0"/>
              </a:rPr>
              <a:t>Daughter dies</a:t>
            </a:r>
          </a:p>
        </p:txBody>
      </p:sp>
      <p:sp>
        <p:nvSpPr>
          <p:cNvPr id="3863" name="OTLSHAPE_SLM_db9c144429944574b2808df378582afd_Date">
            <a:extLst>
              <a:ext uri="{FF2B5EF4-FFF2-40B4-BE49-F238E27FC236}">
                <a16:creationId xmlns:a16="http://schemas.microsoft.com/office/drawing/2014/main" id="{F7DA8DDF-DC75-8BAF-0F27-9B3D0C687EC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204860" y="258002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655B52"/>
                </a:solidFill>
                <a:latin typeface="Calibri" panose="020F0502020204030204" pitchFamily="34" charset="0"/>
              </a:rPr>
              <a:t>1962</a:t>
            </a:r>
          </a:p>
        </p:txBody>
      </p:sp>
      <p:sp>
        <p:nvSpPr>
          <p:cNvPr id="3865" name="OTLSHAPE_SLM_e0eff05c6e334e149054f76ec3a82fc0_Title">
            <a:extLst>
              <a:ext uri="{FF2B5EF4-FFF2-40B4-BE49-F238E27FC236}">
                <a16:creationId xmlns:a16="http://schemas.microsoft.com/office/drawing/2014/main" id="{DCDD19BC-CDED-FBCD-01A8-DDD3FE1AD93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215355" y="1896359"/>
            <a:ext cx="113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4">
                <a:solidFill>
                  <a:srgbClr val="655B52"/>
                </a:solidFill>
                <a:latin typeface="Calibri" panose="020F0502020204030204" pitchFamily="34" charset="0"/>
              </a:rPr>
              <a:t>Rare TV interview </a:t>
            </a:r>
          </a:p>
        </p:txBody>
      </p:sp>
      <p:sp>
        <p:nvSpPr>
          <p:cNvPr id="3866" name="OTLSHAPE_SLM_e0eff05c6e334e149054f76ec3a82fc0_Date">
            <a:extLst>
              <a:ext uri="{FF2B5EF4-FFF2-40B4-BE49-F238E27FC236}">
                <a16:creationId xmlns:a16="http://schemas.microsoft.com/office/drawing/2014/main" id="{2CC6CEE1-881E-33E3-8DD0-BE19596C7B2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0085812" y="208241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655B52"/>
                </a:solidFill>
                <a:latin typeface="Calibri" panose="020F0502020204030204" pitchFamily="34" charset="0"/>
              </a:rPr>
              <a:t>2006</a:t>
            </a:r>
          </a:p>
        </p:txBody>
      </p:sp>
      <p:sp>
        <p:nvSpPr>
          <p:cNvPr id="3868" name="OTLSHAPE_SLM_631abbb5212f4e1699233384357b0cd5_Title">
            <a:extLst>
              <a:ext uri="{FF2B5EF4-FFF2-40B4-BE49-F238E27FC236}">
                <a16:creationId xmlns:a16="http://schemas.microsoft.com/office/drawing/2014/main" id="{4984E283-EB45-86B9-FB4C-E652DC2D4EF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859447" y="2393966"/>
            <a:ext cx="30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200" spc="-16">
                <a:solidFill>
                  <a:srgbClr val="655B52"/>
                </a:solidFill>
                <a:latin typeface="Calibri" panose="020F0502020204030204" pitchFamily="34" charset="0"/>
              </a:rPr>
              <a:t>Dies </a:t>
            </a:r>
          </a:p>
        </p:txBody>
      </p:sp>
      <p:sp>
        <p:nvSpPr>
          <p:cNvPr id="3869" name="OTLSHAPE_SLM_631abbb5212f4e1699233384357b0cd5_Date">
            <a:extLst>
              <a:ext uri="{FF2B5EF4-FFF2-40B4-BE49-F238E27FC236}">
                <a16:creationId xmlns:a16="http://schemas.microsoft.com/office/drawing/2014/main" id="{FB736CAB-03D3-02CA-8284-A3F250DE4AFB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482638" y="258002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rgbClr val="655B52"/>
                </a:solidFill>
                <a:latin typeface="Calibri" panose="020F0502020204030204" pitchFamily="34" charset="0"/>
              </a:rPr>
              <a:t>Aug 25, 2012</a:t>
            </a:r>
          </a:p>
        </p:txBody>
      </p:sp>
      <p:sp>
        <p:nvSpPr>
          <p:cNvPr id="3871" name="OTLSHAPE_SLM_b74153da28c6424eaa3ef38f73e8f648_Title">
            <a:extLst>
              <a:ext uri="{FF2B5EF4-FFF2-40B4-BE49-F238E27FC236}">
                <a16:creationId xmlns:a16="http://schemas.microsoft.com/office/drawing/2014/main" id="{6EB452B1-013C-9F62-124B-B60B25F2D5E1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837105" y="1896359"/>
            <a:ext cx="104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>
                <a:solidFill>
                  <a:srgbClr val="655B52"/>
                </a:solidFill>
                <a:latin typeface="Calibri" panose="020F0502020204030204" pitchFamily="34" charset="0"/>
              </a:rPr>
              <a:t>Daughter is born</a:t>
            </a:r>
          </a:p>
        </p:txBody>
      </p:sp>
      <p:sp>
        <p:nvSpPr>
          <p:cNvPr id="704" name="OTLSHAPE_SLM_b74153da28c6424eaa3ef38f73e8f648_Date">
            <a:extLst>
              <a:ext uri="{FF2B5EF4-FFF2-40B4-BE49-F238E27FC236}">
                <a16:creationId xmlns:a16="http://schemas.microsoft.com/office/drawing/2014/main" id="{DF4BF3FA-A332-D658-C69C-4FB3ACE0F8F7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837105" y="208241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655B52"/>
                </a:solidFill>
                <a:latin typeface="Calibri" panose="020F0502020204030204" pitchFamily="34" charset="0"/>
              </a:rPr>
              <a:t>1959</a:t>
            </a:r>
          </a:p>
        </p:txBody>
      </p:sp>
      <p:sp>
        <p:nvSpPr>
          <p:cNvPr id="706" name="OTLSHAPE_SLM_a374f8076f8c431c97c98218cd86acee_Title">
            <a:extLst>
              <a:ext uri="{FF2B5EF4-FFF2-40B4-BE49-F238E27FC236}">
                <a16:creationId xmlns:a16="http://schemas.microsoft.com/office/drawing/2014/main" id="{3C90A1F2-DDFE-C6BE-C059-11F6E0E0D09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2018210" y="2393966"/>
            <a:ext cx="927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>
                <a:solidFill>
                  <a:srgbClr val="655B52"/>
                </a:solidFill>
                <a:latin typeface="Calibri" panose="020F0502020204030204" pitchFamily="34" charset="0"/>
              </a:rPr>
              <a:t>First plane ride</a:t>
            </a:r>
          </a:p>
        </p:txBody>
      </p:sp>
      <p:sp>
        <p:nvSpPr>
          <p:cNvPr id="707" name="OTLSHAPE_SLM_a374f8076f8c431c97c98218cd86acee_Date">
            <a:extLst>
              <a:ext uri="{FF2B5EF4-FFF2-40B4-BE49-F238E27FC236}">
                <a16:creationId xmlns:a16="http://schemas.microsoft.com/office/drawing/2014/main" id="{353F8ABF-7145-A254-80BD-3A6B42203D2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2018210" y="258002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655B52"/>
                </a:solidFill>
                <a:latin typeface="Calibri" panose="020F0502020204030204" pitchFamily="34" charset="0"/>
              </a:rPr>
              <a:t>1936</a:t>
            </a:r>
          </a:p>
        </p:txBody>
      </p:sp>
      <p:sp>
        <p:nvSpPr>
          <p:cNvPr id="709" name="OTLSHAPE_SLM_5fac6dded7e244f3a1df9863189f5d73_Title">
            <a:extLst>
              <a:ext uri="{FF2B5EF4-FFF2-40B4-BE49-F238E27FC236}">
                <a16:creationId xmlns:a16="http://schemas.microsoft.com/office/drawing/2014/main" id="{E28DF89E-965E-1CD1-3B10-397AE8CEE6D5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3343241" y="2300938"/>
            <a:ext cx="876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24">
                <a:solidFill>
                  <a:srgbClr val="655B52"/>
                </a:solidFill>
                <a:latin typeface="Calibri" panose="020F0502020204030204" pitchFamily="34" charset="0"/>
              </a:rPr>
              <a:t>Marries </a:t>
            </a:r>
          </a:p>
          <a:p>
            <a:pPr algn="r"/>
            <a:r>
              <a:rPr lang="en-US" sz="1200" spc="-24">
                <a:solidFill>
                  <a:srgbClr val="655B52"/>
                </a:solidFill>
                <a:latin typeface="Calibri" panose="020F0502020204030204" pitchFamily="34" charset="0"/>
              </a:rPr>
              <a:t>Janet Shearon</a:t>
            </a:r>
          </a:p>
        </p:txBody>
      </p:sp>
      <p:sp>
        <p:nvSpPr>
          <p:cNvPr id="710" name="OTLSHAPE_SLM_5fac6dded7e244f3a1df9863189f5d73_Date">
            <a:extLst>
              <a:ext uri="{FF2B5EF4-FFF2-40B4-BE49-F238E27FC236}">
                <a16:creationId xmlns:a16="http://schemas.microsoft.com/office/drawing/2014/main" id="{2FD5E036-045E-463C-E5D7-8170D24E032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957794" y="26730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655B52"/>
                </a:solidFill>
                <a:latin typeface="Calibri" panose="020F0502020204030204" pitchFamily="34" charset="0"/>
              </a:rPr>
              <a:t>1956</a:t>
            </a:r>
            <a:endParaRPr lang="en-US" sz="1000" spc="-10" dirty="0">
              <a:solidFill>
                <a:srgbClr val="655B52"/>
              </a:solidFill>
              <a:latin typeface="Calibri" panose="020F0502020204030204" pitchFamily="34" charset="0"/>
            </a:endParaRPr>
          </a:p>
        </p:txBody>
      </p:sp>
      <p:sp>
        <p:nvSpPr>
          <p:cNvPr id="712" name="OTLSHAPE_SLM_2eb6558c7bfb440f8263ad0c4c808790_Title">
            <a:extLst>
              <a:ext uri="{FF2B5EF4-FFF2-40B4-BE49-F238E27FC236}">
                <a16:creationId xmlns:a16="http://schemas.microsoft.com/office/drawing/2014/main" id="{56D2AA73-4964-F2D7-C478-EEF0533855C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83261" y="2393966"/>
            <a:ext cx="90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6">
                <a:solidFill>
                  <a:srgbClr val="655B52"/>
                </a:solidFill>
                <a:latin typeface="Calibri" panose="020F0502020204030204" pitchFamily="34" charset="0"/>
              </a:rPr>
              <a:t>Divorces Janet</a:t>
            </a:r>
          </a:p>
        </p:txBody>
      </p:sp>
      <p:sp>
        <p:nvSpPr>
          <p:cNvPr id="713" name="OTLSHAPE_SLM_2eb6558c7bfb440f8263ad0c4c808790_Date">
            <a:extLst>
              <a:ext uri="{FF2B5EF4-FFF2-40B4-BE49-F238E27FC236}">
                <a16:creationId xmlns:a16="http://schemas.microsoft.com/office/drawing/2014/main" id="{B556BB67-94A8-6398-62E8-0D1A2ED6F79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8615128" y="258002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655B52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717" name="OTLSHAPE_SLM_75086a8931c846b580f8f7dedb8b5fb1_Title">
            <a:extLst>
              <a:ext uri="{FF2B5EF4-FFF2-40B4-BE49-F238E27FC236}">
                <a16:creationId xmlns:a16="http://schemas.microsoft.com/office/drawing/2014/main" id="{B0EA16AE-96C1-3583-E172-A86870ECBF7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181042" y="2300938"/>
            <a:ext cx="1079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>
                <a:solidFill>
                  <a:srgbClr val="655B52"/>
                </a:solidFill>
                <a:latin typeface="Calibri" panose="020F0502020204030204" pitchFamily="34" charset="0"/>
              </a:rPr>
              <a:t>Marries </a:t>
            </a:r>
          </a:p>
          <a:p>
            <a:r>
              <a:rPr lang="en-US" sz="1200" spc="-4">
                <a:solidFill>
                  <a:srgbClr val="655B52"/>
                </a:solidFill>
                <a:latin typeface="Calibri" panose="020F0502020204030204" pitchFamily="34" charset="0"/>
              </a:rPr>
              <a:t>Carol Held Knight</a:t>
            </a:r>
          </a:p>
        </p:txBody>
      </p:sp>
      <p:sp>
        <p:nvSpPr>
          <p:cNvPr id="718" name="OTLSHAPE_SLM_75086a8931c846b580f8f7dedb8b5fb1_Date">
            <a:extLst>
              <a:ext uri="{FF2B5EF4-FFF2-40B4-BE49-F238E27FC236}">
                <a16:creationId xmlns:a16="http://schemas.microsoft.com/office/drawing/2014/main" id="{408B546C-7A7C-7ECA-1AF2-74295B37848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181042" y="26730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655B52"/>
                </a:solidFill>
                <a:latin typeface="Calibri" panose="020F0502020204030204" pitchFamily="34" charset="0"/>
              </a:rPr>
              <a:t>1994</a:t>
            </a:r>
          </a:p>
        </p:txBody>
      </p:sp>
      <p:sp>
        <p:nvSpPr>
          <p:cNvPr id="723" name="OTLSHAPE_SLM_60f4ae59f66b454a9555a4a2778fa1a3_Title">
            <a:extLst>
              <a:ext uri="{FF2B5EF4-FFF2-40B4-BE49-F238E27FC236}">
                <a16:creationId xmlns:a16="http://schemas.microsoft.com/office/drawing/2014/main" id="{38DD6CD4-085B-B7EB-1C17-F82D10EC677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783067" y="3564673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6">
                <a:solidFill>
                  <a:srgbClr val="2C2723"/>
                </a:solidFill>
                <a:latin typeface="Calibri" panose="020F0502020204030204" pitchFamily="34" charset="0"/>
              </a:rPr>
              <a:t>Earns pilot's license</a:t>
            </a:r>
          </a:p>
        </p:txBody>
      </p:sp>
      <p:sp>
        <p:nvSpPr>
          <p:cNvPr id="724" name="OTLSHAPE_SLM_60f4ae59f66b454a9555a4a2778fa1a3_Date">
            <a:extLst>
              <a:ext uri="{FF2B5EF4-FFF2-40B4-BE49-F238E27FC236}">
                <a16:creationId xmlns:a16="http://schemas.microsoft.com/office/drawing/2014/main" id="{D59C10CA-22F5-A851-3E97-34A8EE03691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732392" y="375072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46</a:t>
            </a:r>
          </a:p>
        </p:txBody>
      </p:sp>
      <p:sp>
        <p:nvSpPr>
          <p:cNvPr id="726" name="OTLSHAPE_SLM_1ea1cd07bfa14c4b8b91dfdd78d02159_Title">
            <a:extLst>
              <a:ext uri="{FF2B5EF4-FFF2-40B4-BE49-F238E27FC236}">
                <a16:creationId xmlns:a16="http://schemas.microsoft.com/office/drawing/2014/main" id="{F563A8A8-1C1A-D6E1-76E7-6E9428F69B6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611702" y="3564673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0">
                <a:solidFill>
                  <a:srgbClr val="2C2723"/>
                </a:solidFill>
                <a:latin typeface="Calibri" panose="020F0502020204030204" pitchFamily="34" charset="0"/>
              </a:rPr>
              <a:t>Goes to war</a:t>
            </a:r>
          </a:p>
        </p:txBody>
      </p:sp>
      <p:sp>
        <p:nvSpPr>
          <p:cNvPr id="727" name="OTLSHAPE_SLM_1ea1cd07bfa14c4b8b91dfdd78d02159_Date">
            <a:extLst>
              <a:ext uri="{FF2B5EF4-FFF2-40B4-BE49-F238E27FC236}">
                <a16:creationId xmlns:a16="http://schemas.microsoft.com/office/drawing/2014/main" id="{1FB086EA-0744-429F-83DB-58CD0233962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611702" y="375072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49</a:t>
            </a:r>
          </a:p>
        </p:txBody>
      </p:sp>
      <p:sp>
        <p:nvSpPr>
          <p:cNvPr id="729" name="OTLSHAPE_SLM_85bb047c89b64c26a2a4e98e1f0dfb28_Title">
            <a:extLst>
              <a:ext uri="{FF2B5EF4-FFF2-40B4-BE49-F238E27FC236}">
                <a16:creationId xmlns:a16="http://schemas.microsoft.com/office/drawing/2014/main" id="{ACC7FD1F-7A69-A858-942F-3C012478CB4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204860" y="3564673"/>
            <a:ext cx="158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>
                <a:solidFill>
                  <a:srgbClr val="2C2723"/>
                </a:solidFill>
                <a:latin typeface="Calibri" panose="020F0502020204030204" pitchFamily="34" charset="0"/>
              </a:rPr>
              <a:t>Enters the space program</a:t>
            </a:r>
          </a:p>
        </p:txBody>
      </p:sp>
      <p:sp>
        <p:nvSpPr>
          <p:cNvPr id="730" name="OTLSHAPE_SLM_85bb047c89b64c26a2a4e98e1f0dfb28_Date">
            <a:extLst>
              <a:ext uri="{FF2B5EF4-FFF2-40B4-BE49-F238E27FC236}">
                <a16:creationId xmlns:a16="http://schemas.microsoft.com/office/drawing/2014/main" id="{F3F763CF-155E-0952-CBA7-33409C9B41B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204860" y="375072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62</a:t>
            </a:r>
          </a:p>
        </p:txBody>
      </p:sp>
      <p:sp>
        <p:nvSpPr>
          <p:cNvPr id="732" name="OTLSHAPE_SLM_c52024d93ed04263b8a8b16ebfd882b7_Title">
            <a:extLst>
              <a:ext uri="{FF2B5EF4-FFF2-40B4-BE49-F238E27FC236}">
                <a16:creationId xmlns:a16="http://schemas.microsoft.com/office/drawing/2014/main" id="{7DA27B24-47BA-D8AC-925D-0F5FAE08BC94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7288245" y="3564673"/>
            <a:ext cx="1016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>
                <a:solidFill>
                  <a:srgbClr val="2C2723"/>
                </a:solidFill>
                <a:latin typeface="Calibri" panose="020F0502020204030204" pitchFamily="34" charset="0"/>
              </a:rPr>
              <a:t>Resigns from UC</a:t>
            </a:r>
          </a:p>
        </p:txBody>
      </p:sp>
      <p:sp>
        <p:nvSpPr>
          <p:cNvPr id="733" name="OTLSHAPE_SLM_c52024d93ed04263b8a8b16ebfd882b7_Date">
            <a:extLst>
              <a:ext uri="{FF2B5EF4-FFF2-40B4-BE49-F238E27FC236}">
                <a16:creationId xmlns:a16="http://schemas.microsoft.com/office/drawing/2014/main" id="{619C5E71-FED1-3E37-1D72-102237C1D01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288245" y="375072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79</a:t>
            </a:r>
          </a:p>
        </p:txBody>
      </p:sp>
      <p:sp>
        <p:nvSpPr>
          <p:cNvPr id="735" name="OTLSHAPE_SLM_852a8caf6778403cb01461ac8ca09ed6_Title">
            <a:extLst>
              <a:ext uri="{FF2B5EF4-FFF2-40B4-BE49-F238E27FC236}">
                <a16:creationId xmlns:a16="http://schemas.microsoft.com/office/drawing/2014/main" id="{8A82C495-6224-1AA6-761F-6B21C55E56E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739385" y="3564673"/>
            <a:ext cx="147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>
                <a:solidFill>
                  <a:srgbClr val="2C2723"/>
                </a:solidFill>
                <a:latin typeface="Calibri" panose="020F0502020204030204" pitchFamily="34" charset="0"/>
              </a:rPr>
              <a:t>Receives Langley Medal</a:t>
            </a:r>
          </a:p>
        </p:txBody>
      </p:sp>
      <p:sp>
        <p:nvSpPr>
          <p:cNvPr id="96" name="OTLSHAPE_SLM_852a8caf6778403cb01461ac8ca09ed6_Date">
            <a:extLst>
              <a:ext uri="{FF2B5EF4-FFF2-40B4-BE49-F238E27FC236}">
                <a16:creationId xmlns:a16="http://schemas.microsoft.com/office/drawing/2014/main" id="{83EF4011-B0C3-03BE-D1A0-A1C5DABF924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739385" y="375072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99</a:t>
            </a:r>
          </a:p>
        </p:txBody>
      </p:sp>
      <p:sp>
        <p:nvSpPr>
          <p:cNvPr id="99" name="OTLSHAPE_SLM_c394b4cf785a4ce5a134b58fd1fb723f_Date">
            <a:extLst>
              <a:ext uri="{FF2B5EF4-FFF2-40B4-BE49-F238E27FC236}">
                <a16:creationId xmlns:a16="http://schemas.microsoft.com/office/drawing/2014/main" id="{B0D058C9-F8FA-DE21-4815-612905FF3801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854865" y="43413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47</a:t>
            </a:r>
          </a:p>
        </p:txBody>
      </p:sp>
      <p:sp>
        <p:nvSpPr>
          <p:cNvPr id="101" name="OTLSHAPE_SLM_7ae4d73078fe4f38abaea16452e82817_Title">
            <a:extLst>
              <a:ext uri="{FF2B5EF4-FFF2-40B4-BE49-F238E27FC236}">
                <a16:creationId xmlns:a16="http://schemas.microsoft.com/office/drawing/2014/main" id="{1D47E6E8-0D21-6C1B-CCCD-B81ADE25210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346877" y="4062280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4">
                <a:solidFill>
                  <a:srgbClr val="2C2723"/>
                </a:solidFill>
                <a:latin typeface="Calibri" panose="020F0502020204030204" pitchFamily="34" charset="0"/>
              </a:rPr>
              <a:t>Graduates from college</a:t>
            </a:r>
          </a:p>
        </p:txBody>
      </p:sp>
      <p:sp>
        <p:nvSpPr>
          <p:cNvPr id="102" name="OTLSHAPE_SLM_7ae4d73078fe4f38abaea16452e82817_Date">
            <a:extLst>
              <a:ext uri="{FF2B5EF4-FFF2-40B4-BE49-F238E27FC236}">
                <a16:creationId xmlns:a16="http://schemas.microsoft.com/office/drawing/2014/main" id="{A977E7A5-89DB-030E-FA27-B0B99DB682D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346877" y="424833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55</a:t>
            </a:r>
          </a:p>
        </p:txBody>
      </p:sp>
      <p:sp>
        <p:nvSpPr>
          <p:cNvPr id="104" name="OTLSHAPE_SLM_55f85a4eb18641f9bff00fc735c14a46_Title">
            <a:extLst>
              <a:ext uri="{FF2B5EF4-FFF2-40B4-BE49-F238E27FC236}">
                <a16:creationId xmlns:a16="http://schemas.microsoft.com/office/drawing/2014/main" id="{EFA7D826-6499-106E-DC39-92C74F86603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307789" y="3969253"/>
            <a:ext cx="1219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spc="-4">
                <a:solidFill>
                  <a:srgbClr val="2C2723"/>
                </a:solidFill>
                <a:latin typeface="Calibri" panose="020F0502020204030204" pitchFamily="34" charset="0"/>
              </a:rPr>
              <a:t>Leaves NASA to </a:t>
            </a:r>
          </a:p>
          <a:p>
            <a:r>
              <a:rPr lang="en-GB" sz="1200" spc="-4">
                <a:solidFill>
                  <a:srgbClr val="2C2723"/>
                </a:solidFill>
                <a:latin typeface="Calibri" panose="020F0502020204030204" pitchFamily="34" charset="0"/>
              </a:rPr>
              <a:t>start teaching at UC</a:t>
            </a:r>
            <a:endParaRPr lang="en-US" sz="1200" spc="-4">
              <a:solidFill>
                <a:srgbClr val="2C2723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SLM_55f85a4eb18641f9bff00fc735c14a46_Date">
            <a:extLst>
              <a:ext uri="{FF2B5EF4-FFF2-40B4-BE49-F238E27FC236}">
                <a16:creationId xmlns:a16="http://schemas.microsoft.com/office/drawing/2014/main" id="{EB96E802-E913-799F-2E0D-AB2E88C282A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6307789" y="43413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71</a:t>
            </a:r>
          </a:p>
        </p:txBody>
      </p:sp>
      <p:sp>
        <p:nvSpPr>
          <p:cNvPr id="107" name="OTLSHAPE_SLM_c067f91f82444b3e907860e527f01889_Title">
            <a:extLst>
              <a:ext uri="{FF2B5EF4-FFF2-40B4-BE49-F238E27FC236}">
                <a16:creationId xmlns:a16="http://schemas.microsoft.com/office/drawing/2014/main" id="{332B219D-DFBF-268B-E305-1BD0C8F3376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146228" y="3969253"/>
            <a:ext cx="1168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>
                <a:solidFill>
                  <a:srgbClr val="2C2723"/>
                </a:solidFill>
                <a:latin typeface="Calibri" panose="020F0502020204030204" pitchFamily="34" charset="0"/>
              </a:rPr>
              <a:t>Investigates the </a:t>
            </a:r>
          </a:p>
          <a:p>
            <a:r>
              <a:rPr lang="en-US" sz="1200" spc="-6">
                <a:solidFill>
                  <a:srgbClr val="2C2723"/>
                </a:solidFill>
                <a:latin typeface="Calibri" panose="020F0502020204030204" pitchFamily="34" charset="0"/>
              </a:rPr>
              <a:t>Challenger mission</a:t>
            </a:r>
          </a:p>
        </p:txBody>
      </p:sp>
      <p:sp>
        <p:nvSpPr>
          <p:cNvPr id="108" name="OTLSHAPE_SLM_c067f91f82444b3e907860e527f01889_Date">
            <a:extLst>
              <a:ext uri="{FF2B5EF4-FFF2-40B4-BE49-F238E27FC236}">
                <a16:creationId xmlns:a16="http://schemas.microsoft.com/office/drawing/2014/main" id="{9A64CBDE-88A0-5ADF-1E13-C4930C3829F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146228" y="43413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86</a:t>
            </a:r>
          </a:p>
        </p:txBody>
      </p:sp>
      <p:sp>
        <p:nvSpPr>
          <p:cNvPr id="110" name="OTLSHAPE_SLM_4ba93f23e568440eb2b1c1e14783507a_Title">
            <a:extLst>
              <a:ext uri="{FF2B5EF4-FFF2-40B4-BE49-F238E27FC236}">
                <a16:creationId xmlns:a16="http://schemas.microsoft.com/office/drawing/2014/main" id="{03CDC93E-7C84-C7BB-FB48-F78E78B8BF0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411183" y="4652915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10">
                <a:solidFill>
                  <a:srgbClr val="2C2723"/>
                </a:solidFill>
                <a:latin typeface="Calibri" panose="020F0502020204030204" pitchFamily="34" charset="0"/>
              </a:rPr>
              <a:t>Joins NASA</a:t>
            </a:r>
          </a:p>
        </p:txBody>
      </p:sp>
      <p:sp>
        <p:nvSpPr>
          <p:cNvPr id="111" name="OTLSHAPE_SLM_4ba93f23e568440eb2b1c1e14783507a_Date">
            <a:extLst>
              <a:ext uri="{FF2B5EF4-FFF2-40B4-BE49-F238E27FC236}">
                <a16:creationId xmlns:a16="http://schemas.microsoft.com/office/drawing/2014/main" id="{3947D584-939C-2E7F-A64A-2FCA0428A56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835321" y="483897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55</a:t>
            </a:r>
            <a:endParaRPr lang="en-US" sz="1000" spc="-10" dirty="0">
              <a:solidFill>
                <a:srgbClr val="2C2723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M_2fb58c17c31142dca70c9e1e16b1fa96_Title">
            <a:extLst>
              <a:ext uri="{FF2B5EF4-FFF2-40B4-BE49-F238E27FC236}">
                <a16:creationId xmlns:a16="http://schemas.microsoft.com/office/drawing/2014/main" id="{F2E073A2-AEE4-EF57-4F4B-09AD8A11E6BD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797305" y="4559888"/>
            <a:ext cx="66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200" spc="-6" dirty="0">
                <a:solidFill>
                  <a:srgbClr val="2C2723"/>
                </a:solidFill>
                <a:latin typeface="Calibri" panose="020F0502020204030204" pitchFamily="34" charset="0"/>
              </a:rPr>
              <a:t>First flight </a:t>
            </a:r>
            <a:br>
              <a:rPr lang="en-US" sz="1200" spc="-6" dirty="0">
                <a:solidFill>
                  <a:srgbClr val="2C2723"/>
                </a:solidFill>
                <a:latin typeface="Calibri" panose="020F0502020204030204" pitchFamily="34" charset="0"/>
              </a:rPr>
            </a:br>
            <a:r>
              <a:rPr lang="en-US" sz="1200" spc="-6" dirty="0">
                <a:solidFill>
                  <a:srgbClr val="2C2723"/>
                </a:solidFill>
                <a:latin typeface="Calibri" panose="020F0502020204030204" pitchFamily="34" charset="0"/>
              </a:rPr>
              <a:t>in space</a:t>
            </a:r>
          </a:p>
        </p:txBody>
      </p:sp>
      <p:sp>
        <p:nvSpPr>
          <p:cNvPr id="114" name="OTLSHAPE_SLM_2fb58c17c31142dca70c9e1e16b1fa96_Date">
            <a:extLst>
              <a:ext uri="{FF2B5EF4-FFF2-40B4-BE49-F238E27FC236}">
                <a16:creationId xmlns:a16="http://schemas.microsoft.com/office/drawing/2014/main" id="{AB55F8CD-307F-3120-745F-5FC9DE0AA45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5190243" y="493199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66</a:t>
            </a:r>
          </a:p>
        </p:txBody>
      </p:sp>
      <p:sp>
        <p:nvSpPr>
          <p:cNvPr id="116" name="OTLSHAPE_SLM_85011858347b4d429b1ef56452081a7a_Title">
            <a:extLst>
              <a:ext uri="{FF2B5EF4-FFF2-40B4-BE49-F238E27FC236}">
                <a16:creationId xmlns:a16="http://schemas.microsoft.com/office/drawing/2014/main" id="{06C8D6C8-71B5-C777-269E-40064E6561F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129951" y="4559888"/>
            <a:ext cx="825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10">
                <a:solidFill>
                  <a:schemeClr val="lt1"/>
                </a:solidFill>
                <a:highlight>
                  <a:srgbClr val="A19690"/>
                </a:highlight>
                <a:latin typeface="Calibri" panose="020F0502020204030204" pitchFamily="34" charset="0"/>
              </a:rPr>
              <a:t>First man </a:t>
            </a:r>
          </a:p>
          <a:p>
            <a:r>
              <a:rPr lang="en-GB" sz="1200" b="1" spc="-10">
                <a:solidFill>
                  <a:schemeClr val="lt1"/>
                </a:solidFill>
                <a:highlight>
                  <a:srgbClr val="A19690"/>
                </a:highlight>
                <a:latin typeface="Calibri" panose="020F0502020204030204" pitchFamily="34" charset="0"/>
              </a:rPr>
              <a:t>on the moon</a:t>
            </a:r>
            <a:endParaRPr lang="en-US" sz="1200" b="1" spc="-10" dirty="0">
              <a:solidFill>
                <a:schemeClr val="lt1"/>
              </a:solidFill>
              <a:highlight>
                <a:srgbClr val="A19690"/>
              </a:highlight>
              <a:latin typeface="Calibri" panose="020F0502020204030204" pitchFamily="34" charset="0"/>
            </a:endParaRPr>
          </a:p>
        </p:txBody>
      </p:sp>
      <p:sp>
        <p:nvSpPr>
          <p:cNvPr id="117" name="OTLSHAPE_SLM_85011858347b4d429b1ef56452081a7a_Date">
            <a:extLst>
              <a:ext uri="{FF2B5EF4-FFF2-40B4-BE49-F238E27FC236}">
                <a16:creationId xmlns:a16="http://schemas.microsoft.com/office/drawing/2014/main" id="{7EE91EC8-2634-6A53-0DF8-35F437237CE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129951" y="493199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>
                <a:solidFill>
                  <a:srgbClr val="2C2723"/>
                </a:solidFill>
                <a:latin typeface="Calibri" panose="020F0502020204030204" pitchFamily="34" charset="0"/>
              </a:rPr>
              <a:t>Jul 20, 1969</a:t>
            </a:r>
          </a:p>
        </p:txBody>
      </p:sp>
      <p:sp>
        <p:nvSpPr>
          <p:cNvPr id="119" name="OTLSHAPE_SLM_158f375fc8af4cc0b777d272e0d17bb1_Title">
            <a:extLst>
              <a:ext uri="{FF2B5EF4-FFF2-40B4-BE49-F238E27FC236}">
                <a16:creationId xmlns:a16="http://schemas.microsoft.com/office/drawing/2014/main" id="{1F984C32-404A-9DB8-DAFF-7B4037C4218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656000" y="4652915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6">
                <a:solidFill>
                  <a:srgbClr val="2C2723"/>
                </a:solidFill>
                <a:latin typeface="Calibri" panose="020F0502020204030204" pitchFamily="34" charset="0"/>
              </a:rPr>
              <a:t>Chairman of CTA</a:t>
            </a:r>
          </a:p>
        </p:txBody>
      </p:sp>
      <p:sp>
        <p:nvSpPr>
          <p:cNvPr id="120" name="OTLSHAPE_SLM_158f375fc8af4cc0b777d272e0d17bb1_Date">
            <a:extLst>
              <a:ext uri="{FF2B5EF4-FFF2-40B4-BE49-F238E27FC236}">
                <a16:creationId xmlns:a16="http://schemas.microsoft.com/office/drawing/2014/main" id="{9B2DDC51-080C-CC2B-6A1F-35628CB92D2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656000" y="483897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2C2723"/>
                </a:solidFill>
                <a:latin typeface="Calibri" panose="020F0502020204030204" pitchFamily="34" charset="0"/>
              </a:rPr>
              <a:t>1982</a:t>
            </a:r>
          </a:p>
        </p:txBody>
      </p:sp>
      <p:pic>
        <p:nvPicPr>
          <p:cNvPr id="3" name="Picture 2" descr="Icon&#10;&#10;Description automatically generated">
            <a:extLst>
              <a:ext uri="{FF2B5EF4-FFF2-40B4-BE49-F238E27FC236}">
                <a16:creationId xmlns:a16="http://schemas.microsoft.com/office/drawing/2014/main" id="{EEB14DA8-7D76-5683-F8CA-F5C9D3407B07}"/>
              </a:ext>
            </a:extLst>
          </p:cNvPr>
          <p:cNvPicPr>
            <a:picLocks noChangeAspect="1"/>
          </p:cNvPicPr>
          <p:nvPr/>
        </p:nvPicPr>
        <p:blipFill>
          <a:blip r:embed="rId9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18537" y="5244862"/>
            <a:ext cx="2333128" cy="321429"/>
          </a:xfrm>
          <a:prstGeom prst="rect">
            <a:avLst/>
          </a:prstGeom>
        </p:spPr>
      </p:pic>
      <p:pic>
        <p:nvPicPr>
          <p:cNvPr id="103" name="Picture 102">
            <a:extLst>
              <a:ext uri="{FF2B5EF4-FFF2-40B4-BE49-F238E27FC236}">
                <a16:creationId xmlns:a16="http://schemas.microsoft.com/office/drawing/2014/main" id="{4DAED75D-998B-E99D-2DDC-0699BBF46146}"/>
              </a:ext>
            </a:extLst>
          </p:cNvPr>
          <p:cNvPicPr>
            <a:picLocks noChangeAspect="1"/>
          </p:cNvPicPr>
          <p:nvPr/>
        </p:nvPicPr>
        <p:blipFill>
          <a:blip r:embed="rId9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62409" y="1008863"/>
            <a:ext cx="1772470" cy="1772470"/>
          </a:xfrm>
          <a:prstGeom prst="rect">
            <a:avLst/>
          </a:prstGeom>
        </p:spPr>
      </p:pic>
      <p:pic>
        <p:nvPicPr>
          <p:cNvPr id="3493" name="Picture 4" descr="Image result for neil armstrong"/>
          <p:cNvPicPr>
            <a:picLocks noChangeAspect="1" noChangeArrowheads="1"/>
          </p:cNvPicPr>
          <p:nvPr/>
        </p:nvPicPr>
        <p:blipFill>
          <a:blip r:embed="rId94">
            <a:extLst>
              <a:ext uri="{BEBA8EAE-BF5A-486C-A8C5-ECC9F3942E4B}">
                <a14:imgProps xmlns:a14="http://schemas.microsoft.com/office/drawing/2010/main">
                  <a14:imgLayer r:embed="rId95">
                    <a14:imgEffect>
                      <a14:backgroundRemoval t="5400" b="90000" l="4762" r="98052">
                        <a14:foregroundMark x1="12771" y1="79400" x2="12771" y2="79400"/>
                        <a14:foregroundMark x1="12338" y1="70800" x2="12338" y2="70800"/>
                        <a14:foregroundMark x1="13420" y1="75600" x2="13420" y2="75600"/>
                        <a14:foregroundMark x1="24026" y1="80000" x2="24026" y2="80000"/>
                        <a14:foregroundMark x1="27273" y1="80000" x2="27273" y2="80000"/>
                        <a14:foregroundMark x1="9957" y1="64400" x2="14719" y2="85200"/>
                        <a14:foregroundMark x1="14719" y1="85200" x2="75541" y2="93200"/>
                        <a14:foregroundMark x1="75541" y1="93200" x2="93760" y2="79347"/>
                        <a14:foregroundMark x1="93916" y1="72707" x2="86380" y2="57991"/>
                        <a14:foregroundMark x1="79030" y1="55000" x2="62338" y2="55000"/>
                        <a14:foregroundMark x1="62338" y1="55000" x2="37013" y2="63800"/>
                        <a14:foregroundMark x1="37013" y1="63800" x2="8442" y2="63600"/>
                        <a14:foregroundMark x1="7792" y1="65000" x2="2814" y2="81600"/>
                        <a14:foregroundMark x1="5917" y1="94730" x2="6926" y2="99000"/>
                        <a14:foregroundMark x1="2814" y1="81600" x2="4517" y2="88804"/>
                        <a14:foregroundMark x1="6926" y1="99000" x2="86364" y2="98400"/>
                        <a14:foregroundMark x1="86364" y1="98400" x2="93911" y2="83310"/>
                        <a14:foregroundMark x1="87652" y1="57200" x2="87405" y2="56796"/>
                        <a14:foregroundMark x1="87896" y1="57600" x2="87652" y2="57200"/>
                        <a14:foregroundMark x1="88018" y1="57800" x2="87896" y2="57600"/>
                        <a14:foregroundMark x1="92899" y1="65800" x2="88018" y2="57800"/>
                        <a14:foregroundMark x1="94485" y1="68400" x2="92899" y2="65800"/>
                        <a14:foregroundMark x1="96316" y1="71400" x2="94485" y2="68400"/>
                        <a14:foregroundMark x1="96804" y1="72200" x2="96316" y2="71400"/>
                        <a14:foregroundMark x1="97051" y1="72604" x2="96804" y2="72200"/>
                        <a14:foregroundMark x1="53453" y1="4000" x2="53247" y2="3800"/>
                        <a14:foregroundMark x1="66017" y1="16200" x2="53453" y2="4000"/>
                        <a14:foregroundMark x1="36222" y1="5059" x2="34663" y2="5174"/>
                        <a14:foregroundMark x1="50541" y1="4000" x2="37458" y2="4967"/>
                        <a14:foregroundMark x1="53247" y1="3800" x2="50541" y2="4000"/>
                        <a14:foregroundMark x1="33489" y1="7539" x2="43074" y2="18400"/>
                        <a14:foregroundMark x1="32131" y1="6000" x2="32549" y2="6473"/>
                        <a14:foregroundMark x1="31778" y1="5600" x2="32131" y2="6000"/>
                        <a14:foregroundMark x1="31602" y1="5400" x2="31778" y2="5600"/>
                        <a14:foregroundMark x1="43074" y1="18400" x2="66017" y2="26200"/>
                        <a14:foregroundMark x1="66017" y1="26200" x2="64935" y2="14000"/>
                        <a14:foregroundMark x1="5411" y1="76200" x2="16883" y2="91600"/>
                        <a14:foregroundMark x1="16883" y1="91600" x2="36147" y2="94200"/>
                        <a14:foregroundMark x1="36147" y1="94200" x2="59740" y2="92200"/>
                        <a14:foregroundMark x1="59740" y1="92200" x2="41342" y2="83200"/>
                        <a14:foregroundMark x1="41342" y1="83200" x2="4762" y2="75800"/>
                        <a14:backgroundMark x1="8442" y1="20200" x2="8442" y2="20200"/>
                        <a14:backgroundMark x1="96104" y1="65800" x2="96104" y2="65800"/>
                        <a14:backgroundMark x1="96753" y1="72800" x2="96753" y2="72800"/>
                        <a14:backgroundMark x1="97186" y1="68400" x2="97186" y2="68400"/>
                        <a14:backgroundMark x1="99134" y1="71400" x2="99134" y2="71400"/>
                        <a14:backgroundMark x1="98268" y1="72200" x2="98268" y2="72200"/>
                        <a14:backgroundMark x1="98701" y1="73600" x2="98701" y2="73600"/>
                        <a14:backgroundMark x1="98268" y1="74600" x2="98268" y2="74600"/>
                        <a14:backgroundMark x1="97186" y1="72600" x2="97835" y2="89600"/>
                        <a14:backgroundMark x1="97835" y1="89600" x2="99784" y2="87400"/>
                        <a14:backgroundMark x1="34848" y1="5600" x2="34848" y2="5600"/>
                        <a14:backgroundMark x1="33333" y1="5600" x2="33333" y2="5600"/>
                        <a14:backgroundMark x1="32684" y1="6200" x2="34848" y2="4800"/>
                        <a14:backgroundMark x1="32035" y1="6000" x2="32035" y2="6000"/>
                        <a14:backgroundMark x1="32035" y1="5200" x2="32035" y2="5200"/>
                        <a14:backgroundMark x1="32251" y1="4800" x2="32251" y2="4800"/>
                        <a14:backgroundMark x1="33117" y1="4800" x2="33117" y2="4800"/>
                        <a14:backgroundMark x1="36364" y1="4800" x2="37879" y2="4200"/>
                        <a14:backgroundMark x1="31602" y1="6200" x2="31602" y2="5600"/>
                        <a14:backgroundMark x1="35281" y1="5600" x2="35281" y2="5600"/>
                        <a14:backgroundMark x1="35931" y1="4600" x2="35931" y2="4600"/>
                        <a14:backgroundMark x1="32684" y1="5400" x2="32684" y2="5400"/>
                        <a14:backgroundMark x1="32468" y1="6400" x2="32468" y2="6400"/>
                        <a14:backgroundMark x1="32251" y1="6400" x2="32251" y2="6400"/>
                        <a14:backgroundMark x1="35281" y1="5000" x2="35281" y2="5000"/>
                        <a14:backgroundMark x1="35714" y1="5000" x2="35714" y2="5000"/>
                        <a14:backgroundMark x1="35931" y1="5000" x2="35931" y2="5000"/>
                        <a14:backgroundMark x1="53463" y1="3600" x2="53463" y2="3600"/>
                        <a14:backgroundMark x1="52597" y1="3400" x2="52597" y2="3400"/>
                        <a14:backgroundMark x1="53896" y1="4000" x2="53896" y2="4000"/>
                        <a14:backgroundMark x1="53030" y1="3800" x2="53030" y2="3800"/>
                        <a14:backgroundMark x1="52165" y1="3800" x2="52165" y2="3800"/>
                        <a14:backgroundMark x1="5844" y1="92000" x2="5844" y2="92000"/>
                        <a14:backgroundMark x1="5411" y1="91800" x2="5411" y2="91800"/>
                        <a14:backgroundMark x1="4978" y1="90400" x2="4978" y2="90400"/>
                        <a14:backgroundMark x1="5195" y1="90400" x2="5195" y2="90400"/>
                        <a14:backgroundMark x1="5195" y1="90400" x2="5411" y2="91200"/>
                        <a14:backgroundMark x1="5411" y1="91600" x2="5411" y2="92200"/>
                        <a14:backgroundMark x1="5411" y1="92400" x2="5411" y2="92400"/>
                        <a14:backgroundMark x1="5411" y1="92800" x2="5411" y2="92800"/>
                        <a14:backgroundMark x1="5844" y1="92800" x2="5844" y2="92800"/>
                        <a14:backgroundMark x1="4329" y1="89200" x2="5844" y2="88000"/>
                        <a14:backgroundMark x1="5195" y1="89800" x2="6494" y2="94600"/>
                        <a14:backgroundMark x1="79870" y1="54000" x2="86580" y2="55800"/>
                        <a14:backgroundMark x1="82468" y1="55600" x2="87229" y2="57000"/>
                        <a14:backgroundMark x1="87662" y1="56800" x2="87662" y2="56800"/>
                        <a14:backgroundMark x1="87229" y1="56400" x2="87229" y2="56400"/>
                        <a14:backgroundMark x1="88528" y1="57200" x2="88528" y2="57200"/>
                        <a14:backgroundMark x1="87662" y1="57200" x2="87662" y2="57200"/>
                        <a14:backgroundMark x1="87229" y1="56600" x2="87229" y2="56600"/>
                        <a14:backgroundMark x1="87446" y1="57200" x2="87446" y2="57200"/>
                        <a14:backgroundMark x1="88312" y1="57800" x2="88312" y2="57800"/>
                        <a14:backgroundMark x1="87662" y1="56400" x2="87662" y2="56400"/>
                        <a14:backgroundMark x1="88095" y1="57600" x2="88095" y2="57600"/>
                        <a14:backgroundMark x1="88095" y1="57200" x2="88095" y2="57200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2554" y="4348433"/>
            <a:ext cx="2338702" cy="24946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8" name="OTLSHAPE_SLM_c394b4cf785a4ce5a134b58fd1fb723f_Title">
            <a:extLst>
              <a:ext uri="{FF2B5EF4-FFF2-40B4-BE49-F238E27FC236}">
                <a16:creationId xmlns:a16="http://schemas.microsoft.com/office/drawing/2014/main" id="{CA5F8801-722B-83DA-E045-045A7B43039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918621" y="3969253"/>
            <a:ext cx="1193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200" spc="-16" dirty="0">
                <a:solidFill>
                  <a:srgbClr val="2C2723"/>
                </a:solidFill>
                <a:latin typeface="Calibri" panose="020F0502020204030204" pitchFamily="34" charset="0"/>
              </a:rPr>
              <a:t>Goes to college </a:t>
            </a:r>
          </a:p>
          <a:p>
            <a:pPr algn="r"/>
            <a:r>
              <a:rPr lang="en-GB" sz="1200" spc="-16" dirty="0">
                <a:solidFill>
                  <a:srgbClr val="2C2723"/>
                </a:solidFill>
                <a:latin typeface="Calibri" panose="020F0502020204030204" pitchFamily="34" charset="0"/>
              </a:rPr>
              <a:t>(Purdue University)</a:t>
            </a:r>
            <a:endParaRPr lang="en-US" sz="1200" spc="-16" dirty="0">
              <a:solidFill>
                <a:srgbClr val="2C2723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TextBox 105">
            <a:extLst>
              <a:ext uri="{FF2B5EF4-FFF2-40B4-BE49-F238E27FC236}">
                <a16:creationId xmlns:a16="http://schemas.microsoft.com/office/drawing/2014/main" id="{830B20B4-7C43-6493-3A86-06A09948617F}"/>
              </a:ext>
            </a:extLst>
          </p:cNvPr>
          <p:cNvSpPr txBox="1"/>
          <p:nvPr/>
        </p:nvSpPr>
        <p:spPr>
          <a:xfrm>
            <a:off x="1028700" y="943554"/>
            <a:ext cx="104267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>
                <a:solidFill>
                  <a:srgbClr val="817373"/>
                </a:solidFill>
              </a:rPr>
              <a:t>Timeline for Neil Armstro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627586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0MmFjYTg5MC05MDRjLTQzNTMtODAzZS0wZTdlNTAxNDJlMjMiLCJJbmRleCI6MSwiR3JvdXBJZCI6bnVsbCwiVGl0bGUiOiJTb24gaXMgYm9ybiIsIkRhdGVUaW1lIjoiMTk1Ny0wMS0wMVQyMzo1OTowMFoiLCJQZXJjZW50YWdlQ29tcGxldGUiOm51bGwsIk5vdGUiOm51bGwsIlN0eWxlIjp7IiRpZCI6IjYiLCJUaXRsZVBvc2l0aW9uIjoiTGVmdCIsIkRhdGVQb3NpdGlvbiI6IkxlZnQiLCJTaGFwZVR5cGUiOjE0LCJTaGFwZVNpemUiOjA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lRpdGxlU3R5bGUiOnsiJGlkIjoiNDEiLCJGb250U2V0dGluZ3MiOnsiJGlkIjoiNDIiLCJGb250U2l6ZSI6MTIsIkZvbnROYW1lIjoiQ2FsaWJyaSIsIklzQm9sZCI6ZmFsc2UsIklzSXRhbGljIjpmYWxzZSwiSXNVbmRlcmxpbmVkIjpmYWxzZSwiUGFyZW50U3R5bGUiOm51bGx9LCJBdXRvU2l6ZSI6MiwiRm9yZWdyb3VuZCI6eyIkaWQiOiI0MyIsIkNvbG9yIjp7IiRpZCI6IjQ0IiwiQSI6MjU1LCJSIjoxMDEsIkciOjkxLCJCIjo4Mn19LCJNYXhXaWR0aCI6MTEw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1MSIsIkNvbG9yIjp7IiRpZCI6IjUyIiwiQSI6MCwiUiI6MjU1LCJHIjoyNTUsIkIiOjI1NX19LCJJc1Zpc2libGUiOnRydWUsIldpZHRoIjowLjAsIkhlaWdodCI6MC4wLCJCb3JkZXJTdHlsZSI6bnVsbCwiUGFyZW50U3R5bGUiOm51bGx9LCJEYXRlRm9ybWF0Ijp7IiRpZCI6IjUz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c0IiwiQ29sb3IiOnsiJGlkIjoiNzUiLCJBIjowLCJSIjoyNTUsIkciOjI1NSwiQiI6MjU1fX0sIklzVmlzaWJsZSI6dHJ1ZSwiV2lkdGgiOjAuMCwiSGVpZ2h0IjowLjAsIkJvcmRlclN0eWxlIjpudWxsLCJQYXJlbnRTdHlsZSI6bnVsbH0sIkRhdGVGb3JtYXQiOnsiJGlkIjoiNzY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OTAiLCJDb2xvciI6eyIkaWQiOiI5MSIsIkEiOjAsIlIiOjI1NSwiRyI6MjU1LCJCIjoyNTV9fSwiSXNWaXNpYmxlIjp0cnVlLCJXaWR0aCI6MC4wLCJIZWlnaHQiOjAuMCwiQm9yZGVyU3R5bGUiOm51bGwsIlBhcmVudFN0eWxlIjpudWxsfSwiRGF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TAxLCJHIjo5MSwiQiI6ODJ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OTYiLCJDb2xvciI6eyIkaWQiOiI5NyIsIkEiOjAsIlIiOjI1NSwiRyI6MjU1LCJCIjoyNTV9fSwiSXNWaXNpYmxlIjp0cnVlLCJXaWR0aCI6MC4wLCJIZWlnaHQiOjAuMCwiQm9yZGVyU3R5bGUiOm51bGwsIlBhcmVudFN0eWxlIjpudWxsfSwiRGF0ZUZvcm1hdCI6eyIkaWQiOiI5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xOSIsIkNvbG9yIjp7IiRpZCI6IjEyMCIsIkEiOjAsIlIiOjI1NSwiRyI6MjU1LCJCIjoyNTV9fSwiSXNWaXNpYmxlIjp0cnVlLCJXaWR0aCI6MC4wLCJIZWlnaHQiOjAuMCwiQm9yZGVyU3R5bGUiOm51bGwsIlBhcmVudFN0eWxlIjpudWxsfSwiRGF0ZUZvcm1hdCI6eyIkaWQiOiIxMjE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E0MSIsIkNvbG9yIjp7IiRpZCI6IjE0MiIsIkEiOjAsIlIiOjI1NSwiRyI6MjU1LCJCIjoyNTV9fSwiSXNWaXNpYmxlIjp0cnVlLCJXaWR0aCI6MC4wLCJIZWlnaHQiOjAuMCwiQm9yZGVyU3R5bGUiOm51bGwsIlBhcmVudFN0eWxlIjpudWxsfSwiRGF0ZUZvcm1hdCI6eyIkaWQiOiIxNDM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lRpdGxl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TAxLCJHIjo5MSwiQiI6ODJ9fSwiTWF4V2lkdGgiOjIwMC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MTYzIiwiQ29sb3IiOnsiJGlkIjoiMTY0IiwiQSI6MCwiUiI6MjU1LCJHIjoyNTUsIkIiOjI1NX19LCJJc1Zpc2libGUiOnRydWUsIldpZHRoIjowLjAsIkhlaWdodCI6MC4wLCJCb3JkZXJTdHlsZSI6bnVsbCwiUGFyZW50U3R5bGUiOm51bGx9LCJEYXRlRm9ybWF0Ijp7IiRpZCI6IjE2N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Tg2IiwiQ29sb3IiOnsiJGlkIjoiMTg3IiwiQSI6MCwiUiI6MjU1LCJHIjoyNTUsIkIiOjI1NX19LCJJc1Zpc2libGUiOnRydWUsIldpZHRoIjowLjAsIkhlaWdodCI6MC4wLCJCb3JkZXJTdHlsZSI6bnVsbCwiUGFyZW50U3R5bGUiOm51bGx9LCJEYXRlRm9ybWF0Ijp7IiRpZCI6IjE4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A4IiwiQ29sb3IiOnsiJGlkIjoiMjA5IiwiQSI6MCwiUiI6MjU1LCJHIjoyNTUsIkIiOjI1NX19LCJJc1Zpc2libGUiOnRydWUsIldpZHRoIjowLjAsIkhlaWdodCI6MC4wLCJCb3JkZXJTdHlsZSI6bnVsbCwiUGFyZW50U3R5bGUiOm51bGx9LCJEYXRlRm9ybWF0Ijp7IiRpZCI6IjIxM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jMwIiwiQ29sb3IiOnsiJGlkIjoiMjMxIiwiQSI6MCwiUiI6MjU1LCJHIjoyNTUsIkIiOjI1NX19LCJJc1Zpc2libGUiOnRydWUsIldpZHRoIjowLjAsIkhlaWdodCI6MC4wLCJCb3JkZXJTdHlsZSI6bnVsbCwiUGFyZW50U3R5bGUiOm51bGx9LCJEYXRlRm9ybWF0Ijp7IiRpZCI6IjIzMi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MxMiIsIkNvbG9yIjp7IiRpZCI6IjMxMyIsIkEiOjAsIlIiOjI1NSwiRyI6MjU1LCJCIjoyNTV9fSwiSXNWaXNpYmxlIjp0cnVlLCJXaWR0aCI6MC4wLCJIZWlnaHQiOjAuMCwiQm9yZGVyU3R5bGUiOm51bGwsIlBhcmVudFN0eWxlIjpudWxsfSwiRGF0ZUZvcm1hdCI6eyIkaWQiOiIzMT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MzNCIsIkNvbG9yIjp7IiRpZCI6IjMzNSIsIkEiOjAsIlIiOjI1NSwiRyI6MjU1LCJCIjoyNTV9fSwiSXNWaXNpYmxlIjp0cnVlLCJXaWR0aCI6MC4wLCJIZWlnaHQiOjAuMCwiQm9yZGVyU3R5bGUiOm51bGwsIlBhcmVudFN0eWxlIjpudWxsfSwiRGF0ZUZvcm1hdCI6eyIkaWQiOiIzMzY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MzU2IiwiQ29sb3IiOnsiJGlkIjoiMzU3IiwiQSI6MCwiUiI6MjU1LCJHIjoyNTUsIkIiOjI1NX19LCJJc1Zpc2libGUiOnRydWUsIldpZHRoIjowLjAsIkhlaWdodCI6MC4wLCJCb3JkZXJTdHlsZSI6bnVsbCwiUGFyZW50U3R5bGUiOm51bGx9LCJEYXRlRm9ybWF0Ijp7IiRpZCI6IjM1OC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zNzgiLCJDb2xvciI6eyIkaWQiOiIzNzkiLCJBIjowLCJSIjoyNTUsIkciOjI1NSwiQiI6MjU1fX0sIklzVmlzaWJsZSI6dHJ1ZSwiV2lkdGgiOjAuMCwiSGVpZ2h0IjowLjAsIkJvcmRlclN0eWxlIjpudWxsLCJQYXJlbnRTdHlsZSI6bnVsbH0sIkRhdGVGb3JtYXQiOnsiJGlkIjoiMzg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MDAiLCJDb2xvciI6eyIkaWQiOiI0MDEiLCJBIjowLCJSIjoyNTUsIkciOjI1NSwiQiI6MjU1fX0sIklzVmlzaWJsZSI6dHJ1ZSwiV2lkdGgiOjAuMCwiSGVpZ2h0IjowLjAsIkJvcmRlclN0eWxlIjpudWxsLCJQYXJlbnRTdHlsZSI6bnVsbH0sIkRhdGVGb3JtYXQiOnsiJGlkIjoiNDAy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QyMyIsIkNvbG9yIjp7IiRpZCI6IjQyNCIsIkEiOjAsIlIiOjI1NSwiRyI6MjU1LCJCIjoyNTV9fSwiSXNWaXNpYmxlIjp0cnVlLCJXaWR0aCI6MC4wLCJIZWlnaHQiOjAuMCwiQm9yZGVyU3R5bGUiOm51bGwsIlBhcmVudFN0eWxlIjpudWxsfSwiRGF0ZUZvcm1hdCI6eyIkaWQiOiI0MjU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UaXRsZVN0eWxlIjp7IiRpZCI6IjQzNSIsIkZvbnRTZXR0aW5ncyI6eyIkaWQiOiI0MzYiLCJGb250U2l6ZSI6MTIsIkZvbnROYW1lIjoiQ2FsaWJyaSIsIklzQm9sZCI6ZmFsc2UsIklzSXRhbGljIjpmYWxzZSwiSXNVbmRlcmxpbmVkIjpmYWxzZSwiUGFyZW50U3R5bGUiOm51bGx9LCJBdXRvU2l6ZSI6MiwiRm9yZWdyb3VuZCI6eyIkaWQiOiI0MzciLCJDb2xvciI6eyIkaWQiOiI0MzgiLCJBIjoyNTUsIlIiOjQ0LCJHIjozOSwiQiI6MzV9fSwiTWF4V2lkdGgiOjExN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xMiIsIkNvbG9yIjp7IiRpZCI6IjUxMyIsIkEiOjAsIlIiOjI1NSwiRyI6MjU1LCJCIjoyNTV9fSwiSXNWaXNpYmxlIjp0cnVlLCJXaWR0aCI6MC4wLCJIZWlnaHQiOjAuMCwiQm9yZGVyU3R5bGUiOm51bGwsIlBhcmVudFN0eWxlIjpudWxsfSwiRGF0ZUZvcm1hdCI6eyIkaWQiOiI1MT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U3OCIsIkNvbG9yIjp7IiRpZCI6IjU3OSIsIkEiOjAsIlIiOjI1NSwiRyI6MjU1LCJCIjoyNTV9fSwiSXNWaXNpYmxlIjp0cnVlLCJXaWR0aCI6MC4wLCJIZWlnaHQiOjAuMCwiQm9yZGVyU3R5bGUiOm51bGwsIlBhcmVudFN0eWxlIjpudWxsfSwiRGF0ZUZvcm1hdCI6eyIkaWQiOiI1ODA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yJ9LCJQYWRkaW5nIjp7IiRyZWYiOiIyOCJ9LCJCYWNrZ3JvdW5kIjp7IiRpZCI6IjczNyIsIkNvbG9yIjp7IiRyZWYiOiI2NzAifX0sIklzVmlzaWJsZSI6dHJ1ZSwiV2lkdGgiOjAuMCwiSGVpZ2h0IjowLjAsIkJvcmRlclN0eWxlIjpudWxsLCJQYXJlbnRTdHlsZSI6bnVsbH0sIkRhdGVGb3JtYXQiOnsiJGlkIjoiNz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4MCIsIlRvcCI6MC4wLCJMZWZ0IjowLjAsIlJpZ2h0IjowLjAsIkJvdHRvbSI6MC4wfSwiUGFkZGluZyI6eyIkaWQiOiI3ODEiLCJUb3AiOjAuMCwiTGVmdCI6MC4wLCJSaWdodCI6MC4wLCJCb3R0b20iOjAuMH0sIkJhY2tncm91bmQiOnsiJGlkIjoiNzgyIiwiQ29sb3IiOnsiJHJlZiI6IjY3MCJ9fSwiSXNWaXNpYmxlIjp0cnVlLCJXaWR0aCI6MC4wLCJIZWlnaHQiOjAuMCwiQm9yZGVyU3R5bGUiOm51bGwsIlBhcmVudFN0eWxlIjpudWxsfSwiRGF0ZUZvcm1hdCI6eyIkaWQiOiI3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g0IiwiRm9ybWF0IjowLCJJc1Zpc2libGUiOmZhbHNlLCJMYXN0S25vd25WaXNpYmlsaXR5U3RhdGUiOmZhbHNlfSwiSXNWaXNpYmxlIjp0cnVlLCJQYXJlbnRTdHlsZSI6bnVsbCwiX2V4cGxpY2l0bHlTZXQiOnsiJGlkIjoiNzg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c5OCIsIkFjdGl2aXR5SGVhZGVyV2lkdGgiOjAuMCwiSXNTZXQiOmZhbHNlfSwiRGVmYXVsdFN3aW1sYW5lU3R5bGUiOnsiJGlkIjoiNzk5IiwiSGVhZGVyU3R5bGUiOnsiJGlkIjoiODAwIiwiVGV4dFN0eWxlIjp7IiRpZCI6IjgwMSIsIkZvbnRTZXR0aW5ncyI6eyIkaWQiOiI4MDIiLCJGb250U2l6ZSI6MTIsIkZvbnROYW1lIjoiQ2FsaWJyaSIsIklzQm9sZCI6ZmFsc2UsIklzSXRhbGljIjpmYWxzZSwiSXNVbmRlcmxpbmVkIjpmYWxzZSwiUGFyZW50U3R5bGUiOm51bGx9LCJBdXRvU2l6ZSI6MCwiRm9yZWdyb3VuZCI6eyIkaWQiOiI4MDMiLCJDb2xvciI6eyIkaWQiOiI4MDQ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YyIiwiVG9wIjowLjAsIkxlZnQiOjAuMCwiUmlnaHQiOjAuMCwiQm90dG9tIjowLjB9LCJQYWRkaW5nIjp7IiRpZCI6Ijg2MyIsIlRvcCI6MC4wLCJMZWZ0IjowLjAsIlJpZ2h0IjowLjAsIkJvdHRvbSI6MC4wfSwiQmFja2dyb3VuZCI6eyIkaWQiOiI4NjQiLCJDb2xvciI6eyIkcmVmIjoiODU2In19LCJJc1Zpc2libGUiOnRydWUsIldpZHRoIjowLjAsIkhlaWdodCI6MC4wLCJCb3JkZXJTdHlsZSI6eyIkaWQiOiI4NjUiLCJMaW5lQ29sb3IiOm51bGwsIkxpbmVXZWlnaHQiOjAuMCwiTGluZVR5cGUiOjAsIlBhcmVudFN0eWxlIjpudWxsfSwiUGFyZW50U3R5bGUiOm51bGx9LCJEYXRlRm9ybWF0Ijp7IiRpZCI6Ijg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NCwiRmlsZVBhdGgiOiJDOlxcT2ZmaWNlIFRpbWVsaW5lXFxOZWlsIEFybXN0cm9uZyB0aW1lbGluZS54bHN4IiwiVGltZUNvbmZpZ3VyYXRpb24iOnsiJGlkIjoiODczIiwiVXNlVGltZSI6ZmFsc2UsIldvcmtEYXlTdGFydCI6IjAwOjAwOjAwIiwiV29ya0RheUVuZCI6IjIzOjU5OjAwIn0sIkxhc3RVc2VkVGVtcGxhdGVJZCI6IjgyYTc3NjA2LWI2NGEtNDg1ZC1hZjQxLTFhZTM3OGM5YTVkNC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ughter dies"/>
  <p:tag name="OTLDATE" val="1962-01-01T23:59:00.0000000Z"/>
  <p:tag name="OTLPOSITIONONTASK" val="None"/>
  <p:tag name="OTLRELATEDTASKID" val="00000000-0000-0000-0000-00000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are TV interview "/>
  <p:tag name="OTLDATE" val="2006-01-01T23:59:00.0000000Z"/>
  <p:tag name="OTLPOSITIONONTASK" val="None"/>
  <p:tag name="OTLRELATEDTASKID" val="00000000-0000-0000-0000-00000000000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es "/>
  <p:tag name="OTLDATE" val="2012-08-25T23:59:00.0000000Z"/>
  <p:tag name="OTLPOSITIONONTASK" val="None"/>
  <p:tag name="OTLRELATEDTASKID" val="00000000-0000-0000-0000-000000000000"/>
  <p:tag name="OTLDATEFORMATSTRING" val="MMM d, yyyy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ughter is born"/>
  <p:tag name="OTLDATE" val="1959-01-01T23:59:00.0000000Z"/>
  <p:tag name="OTLPOSITIONONTASK" val="None"/>
  <p:tag name="OTLRELATEDTASKID" val="00000000-0000-0000-0000-00000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plane ride"/>
  <p:tag name="OTLDATE" val="1936-01-01T23:59:00.0000000Z"/>
  <p:tag name="OTLPOSITIONONTASK" val="None"/>
  <p:tag name="OTLRELATEDTASKID" val="00000000-0000-0000-0000-0000000000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56-01-01T23:59:00.0000000Z"/>
  <p:tag name="OTLPOSITIONONTASK" val="None"/>
  <p:tag name="OTLRELATEDTASKID" val="00000000-0000-0000-0000-000000000000"/>
  <p:tag name="OTLMTITLE" val="Marries &#10;Janet Shearo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ivorces Janet"/>
  <p:tag name="OTLDATE" val="1994-01-01T23:59:00.0000000Z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4-06-12T23:59:00.0000000Z"/>
  <p:tag name="OTLPOSITIONONTASK" val="None"/>
  <p:tag name="OTLRELATEDTASKID" val="00000000-0000-0000-0000-000000000000"/>
  <p:tag name="OTLMTITLE" val="Marries &#10;Carol Held Knight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arns pilot's license"/>
  <p:tag name="OTLDATE" val="1946-01-01T23:59:00.0000000Z"/>
  <p:tag name="OTLPOSITIONONTASK" val="None"/>
  <p:tag name="OTLRELATEDTASKID" val="00000000-0000-0000-0000-00000000000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oes to war"/>
  <p:tag name="OTLDATE" val="1949-01-01T23:59:00.0000000Z"/>
  <p:tag name="OTLPOSITIONONTASK" val="None"/>
  <p:tag name="OTLRELATEDTASKID" val="00000000-0000-0000-0000-000000000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Enters the space program"/>
  <p:tag name="OTLDATE" val="1962-01-01T23:59:00.0000000Z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signs from UC"/>
  <p:tag name="OTLDATE" val="1979-01-01T23:59:00.0000000Z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Receives Langley Medal"/>
  <p:tag name="OTLDATE" val="1999-01-01T23:59:00.0000000Z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47-01-01T23:59:00.0000000Z"/>
  <p:tag name="OTLPOSITIONONTASK" val="None"/>
  <p:tag name="OTLRELATEDTASKID" val="00000000-0000-0000-0000-000000000000"/>
  <p:tag name="OTLMTITLE" val="Goes to college &#10;(Purdue University)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Graduates from college"/>
  <p:tag name="OTLDATE" val="1955-01-01T23:59:00.0000000Z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71-01-01T23:59:00.0000000Z"/>
  <p:tag name="OTLPOSITIONONTASK" val="None"/>
  <p:tag name="OTLRELATEDTASKID" val="00000000-0000-0000-0000-000000000000"/>
  <p:tag name="OTLMTITLE" val="Leaves NASA to &#10;start teaching at UC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86-01-01T23:59:00.0000000Z"/>
  <p:tag name="OTLPOSITIONONTASK" val="None"/>
  <p:tag name="OTLRELATEDTASKID" val="00000000-0000-0000-0000-000000000000"/>
  <p:tag name="OTLMTITLE" val="Investigates the &#10;Challenger missio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oins NASA"/>
  <p:tag name="OTLPOSITIONONTASK" val="None"/>
  <p:tag name="OTLRELATEDTASKID" val="00000000-0000-0000-0000-000000000000"/>
  <p:tag name="OTLDATE" val="1955-01-01T23:59:00.0000000Z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66-01-21T23:59:00.0000000Z"/>
  <p:tag name="OTLPOSITIONONTASK" val="None"/>
  <p:tag name="OTLRELATEDTASKID" val="00000000-0000-0000-0000-000000000000"/>
  <p:tag name="OTLMTITLE" val="First flight in spac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69-07-20T23:59:00.0000000Z"/>
  <p:tag name="OTLPOSITIONONTASK" val="None"/>
  <p:tag name="OTLRELATEDTASKID" val="00000000-0000-0000-0000-000000000000"/>
  <p:tag name="OTLDATEFORMATSTRING" val="MMM d, yyyy"/>
  <p:tag name="OTLMTITLE" val="First man &#10;on the moo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hairman of CTA"/>
  <p:tag name="OTLDATE" val="1982-01-01T23:59:00.0000000Z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THREEDEFFECTS" val="None"/>
  <p:tag name="OTLTIMEBANDAUTODATERANGE" val="True"/>
  <p:tag name="OTLTIMEBANDSTARTDATE" val="0001-01-01T00:00:00.0000000"/>
  <p:tag name="OTLTIMEBANDEND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  <p:tag name="OTLTIMEBANDQUICKPOSITION" val="Custom"/>
  <p:tag name="OTLLEFTENDCAPSMARGINLEFT" val="52.6133333333334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Neil Armstrong is born"/>
  <p:tag name="OTLDATE" val="1930-08-05T23:59:00.0000000Z"/>
  <p:tag name="OTLPOSITIONONTASK" val="None"/>
  <p:tag name="OTLRELATEDTASKID" val="00000000-0000-0000-0000-000000000000"/>
  <p:tag name="OTLDATEFORMATSTRING" val="MMM d, yyyy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on is born"/>
  <p:tag name="OTLDATE" val="1957-01-01T23:59:00.0000000Z"/>
  <p:tag name="OTLPOSITIONONTASK" val="None"/>
  <p:tag name="OTLRELATEDTASKID" val="00000000-0000-0000-0000-000000000000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9</Words>
  <Application>Microsoft Office PowerPoint</Application>
  <PresentationFormat>Widescreen</PresentationFormat>
  <Paragraphs>7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8-03T07:26:29Z</dcterms:created>
  <dcterms:modified xsi:type="dcterms:W3CDTF">2022-08-02T09:20:39Z</dcterms:modified>
</cp:coreProperties>
</file>